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wdp" ContentType="image/vnd.ms-photo"/>
  <Default Extension="jpg" ContentType="image/jpeg"/>
  <Default Extension="mp4" ContentType="video/mp4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notesSlides/notesSlide2.xml" ContentType="application/vnd.openxmlformats-officedocument.presentationml.notesSlide+xml"/>
  <Override PartName="/ppt/tags/tag5.xml" ContentType="application/vnd.openxmlformats-officedocument.presentationml.tags+xml"/>
  <Override PartName="/ppt/notesSlides/notesSlide3.xml" ContentType="application/vnd.openxmlformats-officedocument.presentationml.notesSlide+xml"/>
  <Override PartName="/ppt/tags/tag6.xml" ContentType="application/vnd.openxmlformats-officedocument.presentationml.tags+xml"/>
  <Override PartName="/ppt/notesSlides/notesSlide4.xml" ContentType="application/vnd.openxmlformats-officedocument.presentationml.notesSlide+xml"/>
  <Override PartName="/ppt/tags/tag7.xml" ContentType="application/vnd.openxmlformats-officedocument.presentationml.tags+xml"/>
  <Override PartName="/ppt/notesSlides/notesSlide5.xml" ContentType="application/vnd.openxmlformats-officedocument.presentationml.notesSlide+xml"/>
  <Override PartName="/ppt/tags/tag8.xml" ContentType="application/vnd.openxmlformats-officedocument.presentationml.tags+xml"/>
  <Override PartName="/ppt/notesSlides/notesSlide6.xml" ContentType="application/vnd.openxmlformats-officedocument.presentationml.notesSlide+xml"/>
  <Override PartName="/ppt/tags/tag9.xml" ContentType="application/vnd.openxmlformats-officedocument.presentationml.tags+xml"/>
  <Override PartName="/ppt/notesSlides/notesSlide7.xml" ContentType="application/vnd.openxmlformats-officedocument.presentationml.notesSlide+xml"/>
  <Override PartName="/ppt/tags/tag10.xml" ContentType="application/vnd.openxmlformats-officedocument.presentationml.tags+xml"/>
  <Override PartName="/ppt/notesSlides/notesSlide8.xml" ContentType="application/vnd.openxmlformats-officedocument.presentationml.notesSlide+xml"/>
  <Override PartName="/ppt/tags/tag11.xml" ContentType="application/vnd.openxmlformats-officedocument.presentationml.tags+xml"/>
  <Override PartName="/ppt/notesSlides/notesSlide9.xml" ContentType="application/vnd.openxmlformats-officedocument.presentationml.notesSlide+xml"/>
  <Override PartName="/ppt/tags/tag12.xml" ContentType="application/vnd.openxmlformats-officedocument.presentationml.tags+xml"/>
  <Override PartName="/ppt/notesSlides/notesSlide10.xml" ContentType="application/vnd.openxmlformats-officedocument.presentationml.notesSlide+xml"/>
  <Override PartName="/ppt/tags/tag13.xml" ContentType="application/vnd.openxmlformats-officedocument.presentationml.tags+xml"/>
  <Override PartName="/ppt/notesSlides/notesSlide11.xml" ContentType="application/vnd.openxmlformats-officedocument.presentationml.notesSlide+xml"/>
  <Override PartName="/ppt/tags/tag14.xml" ContentType="application/vnd.openxmlformats-officedocument.presentationml.tags+xml"/>
  <Override PartName="/ppt/notesSlides/notesSlide12.xml" ContentType="application/vnd.openxmlformats-officedocument.presentationml.notesSlide+xml"/>
  <Override PartName="/ppt/tags/tag15.xml" ContentType="application/vnd.openxmlformats-officedocument.presentationml.tags+xml"/>
  <Override PartName="/ppt/notesSlides/notesSlide13.xml" ContentType="application/vnd.openxmlformats-officedocument.presentationml.notesSlide+xml"/>
  <Override PartName="/ppt/tags/tag16.xml" ContentType="application/vnd.openxmlformats-officedocument.presentationml.tags+xml"/>
  <Override PartName="/ppt/notesSlides/notesSlide14.xml" ContentType="application/vnd.openxmlformats-officedocument.presentationml.notesSlide+xml"/>
  <Override PartName="/ppt/tags/tag17.xml" ContentType="application/vnd.openxmlformats-officedocument.presentationml.tags+xml"/>
  <Override PartName="/ppt/notesSlides/notesSlide15.xml" ContentType="application/vnd.openxmlformats-officedocument.presentationml.notesSlide+xml"/>
  <Override PartName="/ppt/tags/tag18.xml" ContentType="application/vnd.openxmlformats-officedocument.presentationml.tags+xml"/>
  <Override PartName="/ppt/notesSlides/notesSlide16.xml" ContentType="application/vnd.openxmlformats-officedocument.presentationml.notesSlide+xml"/>
  <Override PartName="/ppt/tags/tag19.xml" ContentType="application/vnd.openxmlformats-officedocument.presentationml.tags+xml"/>
  <Override PartName="/ppt/notesSlides/notesSlide17.xml" ContentType="application/vnd.openxmlformats-officedocument.presentationml.notesSlide+xml"/>
  <Override PartName="/ppt/tags/tag20.xml" ContentType="application/vnd.openxmlformats-officedocument.presentationml.tags+xml"/>
  <Override PartName="/ppt/notesSlides/notesSlide18.xml" ContentType="application/vnd.openxmlformats-officedocument.presentationml.notesSlide+xml"/>
  <Override PartName="/ppt/tags/tag21.xml" ContentType="application/vnd.openxmlformats-officedocument.presentationml.tags+xml"/>
  <Override PartName="/ppt/notesSlides/notesSlide19.xml" ContentType="application/vnd.openxmlformats-officedocument.presentationml.notesSlide+xml"/>
  <Override PartName="/ppt/tags/tag22.xml" ContentType="application/vnd.openxmlformats-officedocument.presentationml.tags+xml"/>
  <Override PartName="/ppt/notesSlides/notesSlide20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22"/>
  </p:notesMasterIdLst>
  <p:sldIdLst>
    <p:sldId id="257" r:id="rId2"/>
    <p:sldId id="258" r:id="rId3"/>
    <p:sldId id="266" r:id="rId4"/>
    <p:sldId id="260" r:id="rId5"/>
    <p:sldId id="261" r:id="rId6"/>
    <p:sldId id="263" r:id="rId7"/>
    <p:sldId id="262" r:id="rId8"/>
    <p:sldId id="269" r:id="rId9"/>
    <p:sldId id="265" r:id="rId10"/>
    <p:sldId id="267" r:id="rId11"/>
    <p:sldId id="268" r:id="rId12"/>
    <p:sldId id="270" r:id="rId13"/>
    <p:sldId id="277" r:id="rId14"/>
    <p:sldId id="271" r:id="rId15"/>
    <p:sldId id="272" r:id="rId16"/>
    <p:sldId id="276" r:id="rId17"/>
    <p:sldId id="273" r:id="rId18"/>
    <p:sldId id="278" r:id="rId19"/>
    <p:sldId id="279" r:id="rId20"/>
    <p:sldId id="274" r:id="rId21"/>
  </p:sldIdLst>
  <p:sldSz cx="12192000" cy="6858000"/>
  <p:notesSz cx="6858000" cy="9144000"/>
  <p:custDataLst>
    <p:tags r:id="rId23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4044" autoAdjust="0"/>
    <p:restoredTop sz="94660"/>
  </p:normalViewPr>
  <p:slideViewPr>
    <p:cSldViewPr snapToGrid="0">
      <p:cViewPr varScale="1">
        <p:scale>
          <a:sx n="65" d="100"/>
          <a:sy n="65" d="100"/>
        </p:scale>
        <p:origin x="96" y="288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theme" Target="theme/theme1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presProps" Target="pres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ags" Target="tags/tag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notesMaster" Target="notesMasters/notesMaster1.xml"/><Relationship Id="rId27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72447CB-FCE1-4CA0-97C4-A66DEE08CCF9}" type="datetimeFigureOut">
              <a:rPr lang="en-US" smtClean="0"/>
              <a:t>4/10/2026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3D9DC0D-E36E-4AC5-8FBF-39909E58A605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465896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95781A8-6B43-43C9-8579-6DC85DE94EAC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8529690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3653421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4121708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5026055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37536836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90868341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58240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11877051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00037414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62237357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7999885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7354075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4193406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5119563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3669820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2616128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806387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163084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55519095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4568619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4/10/2026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8227787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4/10/2026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7649679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4/10/2026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5058561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4/10/2026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8472581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4/10/2026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8345904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4/10/2026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7886427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4/10/2026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5794346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4/10/2026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5024988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4/10/2026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2493896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4/10/2026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3921230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4/10/2026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1671431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D8536EF4-A373-4586-8FB2-884C3FB12C99}" type="datetimeFigureOut">
              <a:rPr lang="en-US" smtClean="0"/>
              <a:t>4/10/2026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7664985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5" Type="http://schemas.openxmlformats.org/officeDocument/2006/relationships/image" Target="../media/image1.jpg"/><Relationship Id="rId4" Type="http://schemas.openxmlformats.org/officeDocument/2006/relationships/notesSlide" Target="../notesSlides/notesSlide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Relationship Id="rId4" Type="http://schemas.openxmlformats.org/officeDocument/2006/relationships/image" Target="../media/image14.jp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Relationship Id="rId4" Type="http://schemas.openxmlformats.org/officeDocument/2006/relationships/image" Target="../media/image15.jp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Relationship Id="rId4" Type="http://schemas.openxmlformats.org/officeDocument/2006/relationships/image" Target="../media/image16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Relationship Id="rId4" Type="http://schemas.openxmlformats.org/officeDocument/2006/relationships/image" Target="../media/image17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Relationship Id="rId4" Type="http://schemas.openxmlformats.org/officeDocument/2006/relationships/image" Target="../media/image18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Relationship Id="rId4" Type="http://schemas.openxmlformats.org/officeDocument/2006/relationships/image" Target="../media/image19.jp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Relationship Id="rId4" Type="http://schemas.openxmlformats.org/officeDocument/2006/relationships/image" Target="../media/image20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Relationship Id="rId4" Type="http://schemas.openxmlformats.org/officeDocument/2006/relationships/image" Target="../media/image21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Relationship Id="rId4" Type="http://schemas.openxmlformats.org/officeDocument/2006/relationships/image" Target="../media/image22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Relationship Id="rId4" Type="http://schemas.openxmlformats.org/officeDocument/2006/relationships/image" Target="../media/image2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video" Target="../media/media1.mp4"/><Relationship Id="rId7" Type="http://schemas.openxmlformats.org/officeDocument/2006/relationships/image" Target="../media/image3.png"/><Relationship Id="rId2" Type="http://schemas.microsoft.com/office/2007/relationships/media" Target="../media/media1.mp4"/><Relationship Id="rId1" Type="http://schemas.openxmlformats.org/officeDocument/2006/relationships/tags" Target="../tags/tag4.xml"/><Relationship Id="rId6" Type="http://schemas.openxmlformats.org/officeDocument/2006/relationships/image" Target="../media/image2.jpg"/><Relationship Id="rId5" Type="http://schemas.openxmlformats.org/officeDocument/2006/relationships/notesSlide" Target="../notesSlides/notesSlide2.xml"/><Relationship Id="rId4" Type="http://schemas.openxmlformats.org/officeDocument/2006/relationships/slideLayout" Target="../slideLayouts/slideLayout7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Relationship Id="rId4" Type="http://schemas.openxmlformats.org/officeDocument/2006/relationships/image" Target="../media/image24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Relationship Id="rId4" Type="http://schemas.openxmlformats.org/officeDocument/2006/relationships/image" Target="../media/image4.jpg"/></Relationships>
</file>

<file path=ppt/slides/_rels/slide4.xml.rels><?xml version="1.0" encoding="UTF-8" standalone="yes"?>
<Relationships xmlns="http://schemas.openxmlformats.org/package/2006/relationships"><Relationship Id="rId8" Type="http://schemas.microsoft.com/office/2007/relationships/hdphoto" Target="../media/hdphoto2.wdp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Relationship Id="rId6" Type="http://schemas.microsoft.com/office/2007/relationships/hdphoto" Target="../media/hdphoto1.wdp"/><Relationship Id="rId5" Type="http://schemas.openxmlformats.org/officeDocument/2006/relationships/image" Target="../media/image6.png"/><Relationship Id="rId10" Type="http://schemas.microsoft.com/office/2007/relationships/hdphoto" Target="../media/hdphoto3.wdp"/><Relationship Id="rId4" Type="http://schemas.openxmlformats.org/officeDocument/2006/relationships/image" Target="../media/image5.jpg"/><Relationship Id="rId9" Type="http://schemas.openxmlformats.org/officeDocument/2006/relationships/image" Target="../media/image8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Relationship Id="rId4" Type="http://schemas.openxmlformats.org/officeDocument/2006/relationships/image" Target="../media/image9.jp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Relationship Id="rId4" Type="http://schemas.openxmlformats.org/officeDocument/2006/relationships/image" Target="../media/image10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Relationship Id="rId4" Type="http://schemas.openxmlformats.org/officeDocument/2006/relationships/image" Target="../media/image11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Relationship Id="rId4" Type="http://schemas.openxmlformats.org/officeDocument/2006/relationships/image" Target="../media/image12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Relationship Id="rId4" Type="http://schemas.openxmlformats.org/officeDocument/2006/relationships/image" Target="../media/image13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5"/>
          <p:cNvSpPr/>
          <p:nvPr>
            <p:custDataLst>
              <p:tags r:id="rId2"/>
            </p:custDataLst>
          </p:nvPr>
        </p:nvSpPr>
        <p:spPr>
          <a:xfrm>
            <a:off x="1758338" y="3023071"/>
            <a:ext cx="9492342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ĨNH VỰC PHÁT TRIỂN TÌNH CẢM – KỸ NĂNG XÃ HỘI</a:t>
            </a:r>
          </a:p>
          <a:p>
            <a:pPr algn="ctr"/>
            <a:r>
              <a:rPr lang="en-US" sz="2400" b="1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Ề TÀI: BÉ LÀM GÌ KHI ĐI LẠC?</a:t>
            </a:r>
          </a:p>
        </p:txBody>
      </p:sp>
      <p:sp>
        <p:nvSpPr>
          <p:cNvPr id="8" name="TextBox 5">
            <a:extLst>
              <a:ext uri="{FF2B5EF4-FFF2-40B4-BE49-F238E27FC236}">
                <a16:creationId xmlns:a16="http://schemas.microsoft.com/office/drawing/2014/main" id="{C3455FD5-C34A-6A1F-74FA-F1275A6324AE}"/>
              </a:ext>
            </a:extLst>
          </p:cNvPr>
          <p:cNvSpPr txBox="1"/>
          <p:nvPr/>
        </p:nvSpPr>
        <p:spPr>
          <a:xfrm>
            <a:off x="4772781" y="317109"/>
            <a:ext cx="477020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2000" b="1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UBND </a:t>
            </a:r>
            <a:r>
              <a:rPr lang="en-US" sz="2000" b="1" dirty="0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ƯỜNG PHÚC LỢI</a:t>
            </a:r>
          </a:p>
          <a:p>
            <a:pPr algn="ctr"/>
            <a:r>
              <a:rPr lang="en-US" sz="2000" b="1" dirty="0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ƯỜNG MẦM NON HOA SỮA</a:t>
            </a:r>
            <a:endParaRPr lang="en-US" sz="2000" b="1" dirty="0">
              <a:solidFill>
                <a:srgbClr val="0070C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24674560"/>
      </p:ext>
    </p:extLst>
  </p:cSld>
  <p:clrMapOvr>
    <a:masterClrMapping/>
  </p:clrMapOvr>
  <p:transition spd="slow" advClick="0" advTm="41405">
    <p:comb/>
  </p:transition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/>
        </p:nvSpPr>
        <p:spPr>
          <a:xfrm>
            <a:off x="639990" y="1111126"/>
            <a:ext cx="7293775" cy="3139321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</a:p>
          <a:p>
            <a:pPr algn="ctr"/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ục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  <a:p>
            <a:pPr algn="ctr"/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endParaRPr lang="en-US" sz="6600" b="0" cap="none" spc="0" dirty="0">
              <a:ln w="0"/>
              <a:solidFill>
                <a:srgbClr val="FF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270953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18835"/>
    </mc:Choice>
    <mc:Fallback xmlns="">
      <p:transition spd="slow" advClick="0" advTm="18835"/>
    </mc:Fallback>
  </mc:AlternateContent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600180" y="409873"/>
            <a:ext cx="6676828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54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Rudolph </a:t>
            </a:r>
            <a:r>
              <a:rPr lang="en-US" sz="54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54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54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ế</a:t>
            </a:r>
            <a:r>
              <a:rPr lang="en-US" sz="54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ào</a:t>
            </a:r>
            <a:r>
              <a:rPr lang="en-US" sz="54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  <a:endParaRPr lang="en-US" sz="5400" dirty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8550839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0891338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2101063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INTERACTION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INTERACTION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151416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1726517" y="2140052"/>
            <a:ext cx="8783879" cy="110799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66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66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3:Trò </a:t>
            </a:r>
            <a:r>
              <a:rPr lang="en-US" sz="66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66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ôn</a:t>
            </a:r>
            <a:r>
              <a:rPr lang="en-US" sz="66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uyện</a:t>
            </a:r>
            <a:endParaRPr lang="en-US" sz="66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237013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9873388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7004036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5433815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6617578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lum/>
          </a:blip>
          <a:srcRect/>
          <a:stretch>
            <a:fillRect t="-12000" b="-1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Walking Walking - featuring Noodle &amp; Pals - Super Simple Songs 00_00_03.40-00_01_31">
            <a:hlinkClick r:id="" action="ppaction://media"/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725057" y="485775"/>
            <a:ext cx="10619218" cy="4886325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524962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3900" advClick="0" advTm="87632">
        <p14:glitter pattern="hexagon"/>
      </p:transition>
    </mc:Choice>
    <mc:Fallback xmlns="">
      <p:transition spd="slow" advClick="0" advTm="87632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6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2"/>
                </p:tgtEl>
              </p:cMediaNode>
            </p:video>
          </p:childTnLst>
        </p:cTn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0616645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2000" b="-1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3777180" y="650635"/>
            <a:ext cx="4927952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ỘI DUNG BÀI HỌC</a:t>
            </a:r>
            <a:endParaRPr lang="en-US" sz="4000" b="0" cap="none" spc="0" dirty="0">
              <a:ln w="0"/>
              <a:solidFill>
                <a:srgbClr val="FF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Rectangle 2"/>
          <p:cNvSpPr/>
          <p:nvPr/>
        </p:nvSpPr>
        <p:spPr>
          <a:xfrm>
            <a:off x="770587" y="1620979"/>
            <a:ext cx="6013185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1: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sát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/>
          <p:cNvSpPr/>
          <p:nvPr/>
        </p:nvSpPr>
        <p:spPr>
          <a:xfrm>
            <a:off x="1878423" y="2613407"/>
            <a:ext cx="8725466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ục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3543338" y="3731008"/>
            <a:ext cx="5395643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3:Trò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ôn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uyện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754785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5183"/>
    </mc:Choice>
    <mc:Fallback xmlns="">
      <p:transition spd="slow" advClick="0" advTm="25183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2504201" y="714764"/>
            <a:ext cx="9052479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 algn="ctr"/>
            <a:r>
              <a:rPr lang="en-US" sz="5400" b="1" dirty="0" err="1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1: </a:t>
            </a:r>
            <a:r>
              <a:rPr lang="en-US" sz="5400" b="1" dirty="0" err="1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r>
              <a:rPr lang="en-US" sz="5400" b="1" dirty="0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át</a:t>
            </a:r>
            <a:r>
              <a:rPr lang="en-US" sz="5400" b="1" dirty="0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5400" b="1" dirty="0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r>
              <a:rPr lang="en-US" sz="5400" b="1" cap="none" spc="0" dirty="0" smtClean="0">
                <a:ln/>
                <a:solidFill>
                  <a:srgbClr val="FF0000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  <a:endParaRPr lang="en-US" sz="5400" b="1" cap="none" spc="0" dirty="0">
              <a:ln/>
              <a:solidFill>
                <a:srgbClr val="FF0000"/>
              </a:solidFill>
              <a:effectLst/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8541" b="98577" l="5200" r="952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6048" y="4085225"/>
            <a:ext cx="2984791" cy="1677453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7" cstate="print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10000" b="91806" l="6250" r="9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63176" y="3047977"/>
            <a:ext cx="4561185" cy="2565667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9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1220" b="98476" l="1961" r="94608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45339" y="1638094"/>
            <a:ext cx="2885102" cy="463879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4131721"/>
      </p:ext>
    </p:extLst>
  </p:cSld>
  <p:clrMapOvr>
    <a:masterClrMapping/>
  </p:clrMapOvr>
  <p:transition spd="slow" advClick="0" advTm="24713">
    <p:randomBar dir="vert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4" dur="2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0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6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1862279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89040"/>
    </mc:Choice>
    <mc:Fallback xmlns="">
      <p:transition spd="slow" advClick="0" advTm="89040"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736976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1373305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481829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2874921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73775218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"/>
  <p:tag name="ISPRING_PROJECT_FOLDER_UPDATED" val="1"/>
  <p:tag name="ISPRING_PRESENTATION_TITLE" val="Giá án Kỹ năng sống"/>
  <p:tag name="ISPRING_FIRST_PUBLISH" val="1"/>
  <p:tag name="ISPRING_PRESENTER_PHOTO_0" val="png|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"/>
  <p:tag name="ISPRING_PRESENTER_PHOTO_1" val="png|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"/>
  <p:tag name="ISPRING_PRESENTERDATA_0" val="S2ltIFRoacyjIEhpw6rMgG4=|VGHMgWNoIG5ob8yBbSDEkcO0zIFpIHTGsMahzKNuZyBjb8yBIHPDtMyBIGt1b3duZ2ogbGHMgCA3&#10;IHRoYcyAbmggMiBwaMOizIBuIGLEg8yAbmcgY2HMgWMgY2HMgWNoIGtoYcyBYyBuaGF1|a2ltaGllbjI5NTE5OTNAZ21haWwuY29t||e0I2QUEyQUM0LTA2RjctNDcwNC1CQTgxLTY5NjIwRTc5RjY0Mn0=|R2lhzIFvIFZpw6puIFRyxrDGocyAbmcgbcOizIBtIG5vbiBIxqHMo3AgVGhhbmgu|SVNQUklOR19QUkVTRU5URVJfUEhPVE9fMA==|MQ==||SVNQUklOR19QUkVTRU5URVJfUEhPVE9fMQ==|MDM0IDk2MiA4MTI0"/>
  <p:tag name="FLASHSPRING_PRESENTATION_REFERENCES" val=""/>
  <p:tag name="FLASHSPRING_ZOOM_TAG" val="70"/>
  <p:tag name="ISPRING_PRESENTATION_INFO_2" val="&lt;?xml version=&quot;1.0&quot; encoding=&quot;UTF-8&quot; standalone=&quot;no&quot; ?&gt;&#10;&lt;presentation2&gt;&#10;&#10;  &lt;slides&gt;&#10;    &lt;slide id=&quot;{09067755-6042-4128-A637-6D6937CE3CAD}&quot; pptId=&quot;257&quot;/&gt;&#10;    &lt;slide id=&quot;{8554D806-19D1-4592-975A-FF32D232CB49}&quot; pptId=&quot;256&quot;/&gt;&#10;    &lt;slide id=&quot;{C6EBABD4-D670-4D70-B4F6-EEFBE360176A}&quot; pptId=&quot;258&quot;/&gt;&#10;    &lt;slide id=&quot;{C972CB53-75A2-40D0-85B6-129FD5CE6C86}&quot; pptId=&quot;266&quot;/&gt;&#10;    &lt;slide id=&quot;{3E43EA42-1E6E-4961-A207-EBC4FC7AF6D6}&quot; pptId=&quot;260&quot;/&gt;&#10;    &lt;slide id=&quot;{E18B40C3-7C42-4B72-9B74-BEFBE0441601}&quot; pptId=&quot;261&quot;/&gt;&#10;    &lt;slide id=&quot;{79F8911D-5000-4627-B1AA-6F1EC1E06148}&quot; pptId=&quot;263&quot;/&gt;&#10;    &lt;slide id=&quot;{6B9F68B5-8F16-4D28-87F5-F0B6659EA219}&quot; pptId=&quot;262&quot;/&gt;&#10;    &lt;slide id=&quot;{F4874CA3-D496-41BC-9948-31E1DD7B540F}&quot; pptId=&quot;269&quot;/&gt;&#10;    &lt;slide id=&quot;{2D6A0FF0-975D-4080-9C0D-FF83A93237CE}&quot; pptId=&quot;265&quot;/&gt;&#10;    &lt;slide id=&quot;{A46D27B3-CD8D-4761-9BBE-44D2FDA57025}&quot; pptId=&quot;267&quot;/&gt;&#10;    &lt;slide id=&quot;{DAAAFCE2-AA08-4D3A-8569-42087815CE85}&quot; pptId=&quot;268&quot;/&gt;&#10;    &lt;slide id=&quot;{28AC60FE-833C-4595-B9A4-F7EAD92E5700}&quot; pptId=&quot;270&quot;/&gt;&#10;    &lt;slide id=&quot;{AD81D4CF-7AD2-4EC4-9F91-02A47198AB5B}&quot; pptId=&quot;277&quot;/&gt;&#10;    &lt;slide id=&quot;{AC9BE7C5-A9CD-4B47-BE7A-3C637A9FECDE}&quot; pptId=&quot;271&quot;/&gt;&#10;    &lt;slide id=&quot;{44A2CA90-995A-4ECA-BB2F-7A176C9F75AB}&quot; pptId=&quot;272&quot;/&gt;&#10;    &lt;slide id=&quot;{328806AD-460A-40CF-BAAE-2643535D8D33}&quot; pptId=&quot;276&quot;/&gt;&#10;    &lt;slide id=&quot;{91948CDA-F2DE-4592-84F5-FA1C3DEAF9BE}&quot; pptId=&quot;273&quot;/&gt;&#10;    &lt;slide id=&quot;{1D34E7A5-25C5-4FDA-B0D1-0B0E365CD1FC}&quot; pptId=&quot;278&quot;/&gt;&#10;    &lt;slide id=&quot;{89F2AE29-FD84-44B1-9850-7C9C7459B1BE}&quot; pptId=&quot;279&quot;/&gt;&#10;    &lt;slide id=&quot;{BA967275-55B2-4EC4-949E-883AB24D7009}&quot; pptId=&quot;274&quot;/&gt;&#10;    &lt;slide id=&quot;{1F8A6F98-55D8-4B61-BF39-C5781A3188EC}&quot; pptId=&quot;275&quot;/&gt;&#10;  &lt;/slides&gt;&#10;&#10;  &lt;narration&gt;&#10;    &lt;audioTracks&gt;&#10;      &lt;audioTrack muted=&quot;false&quot; name=&quot;FILE_20201209_075349_Chào&quot; resource=&quot;9c58b36f&quot; slideId=&quot;{09067755-6042-4128-A637-6D6937CE3CAD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Kiến thức&quot; resource=&quot;2a969e2d&quot; slideId=&quot;{8554D806-19D1-4592-975A-FF32D232CB4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Ndbh&quot; resource=&quot;da678d85&quot; slideId=&quot;{C972CB53-75A2-40D0-85B6-129FD5CE6C86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1 chuẩn&quot; resource=&quot;6cf962ad&quot; slideId=&quot;{3E43EA42-1E6E-4961-A207-EBC4FC7AF6D6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Why&quot; resource=&quot;f02659c3&quot; slideId=&quot;{6B9F68B5-8F16-4D28-87F5-F0B6659EA21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Lúcnafy&quot; resource=&quot;dc529d91&quot; slideId=&quot;{F4874CA3-D496-41BC-9948-31E1DD7B540F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Hết&quot; resource=&quot;a2206fdc&quot; slideId=&quot;{1F8A6F98-55D8-4B61-BF39-C5781A3188EC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uối&quot; resource=&quot;fc0334b8&quot; slideId=&quot;{BA967275-55B2-4EC4-949E-883AB24D700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tac4p3&quot; resource=&quot;a195badd&quot; slideId=&quot;{89F2AE29-FD84-44B1-9850-7C9C7459B1B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3p3&quot; resource=&quot;873c86a3&quot; slideId=&quot;{1D34E7A5-25C5-4FDA-B0D1-0B0E365CD1FC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2 p3&quot; resource=&quot;ed5ba13e&quot; slideId=&quot;{91948CDA-F2DE-4592-84F5-FA1C3DEAF9B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Viêc cần p3&quot; resource=&quot;0bfed120&quot; slideId=&quot;{328806AD-460A-40CF-BAAE-2643535D8D33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3 chuẩn&quot; resource=&quot;35712551&quot; slideId=&quot;{44A2CA90-995A-4ECA-BB2F-7A176C9F75AB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Tg tác&quot; resource=&quot;8c565420&quot; slideId=&quot;{AC9BE7C5-A9CD-4B47-BE7A-3C637A9FECD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2 p2&quot; resource=&quot;eea0e669&quot; slideId=&quot;{AD81D4CF-7AD2-4EC4-9F91-02A47198AB5B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1 p2&quot; resource=&quot;5d8db6a0&quot; slideId=&quot;{28AC60FE-833C-4595-B9A4-F7EAD92E5700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2&quot; resource=&quot;9bdb6fe3&quot; slideId=&quot;{A46D27B3-CD8D-4761-9BBE-44D2FDA57025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Nếu&quot; resource=&quot;539c868a&quot; slideId=&quot;{2D6A0FF0-975D-4080-9C0D-FF83A93237C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Rudol gặp vđ j&quot; resource=&quot;5107f333&quot; slideId=&quot;{79F8911D-5000-4627-B1AA-6F1EC1E06148}&quot; startTime=&quot;0&quot; stepIndex=&quot;0&quot; volume=&quot;1&quot;&gt;&#10;        &lt;audio channels=&quot;1&quot; format=&quot;s16p&quot; sampleRate=&quot;44100&quot;/&gt;&#10;      &lt;/audioTrack&gt;&#10;    &lt;/audioTracks&gt;&#10;    &lt;videoTracks&gt;&#10;      &lt;videoTrack muted=&quot;false&quot; name=&quot;Chúng ta phải làm gì khi bị lạc- - Rudolf bị lạc - Bài học an toàn - Hoạt hình thiếu nhi - BabyBus 00_00_04-00_01_33&quot; resource=&quot;19436e86&quot; slideId=&quot;{E18B40C3-7C42-4B72-9B74-BEFBE0441601}&quot; startTime=&quot;0&quot; stepIndex=&quot;0&quot; volume=&quot;1&quot;&gt;&#10;        &lt;video format=&quot;yuv420p&quot; frameRate=&quot;25&quot; height=&quot;720&quot; pixelAspectRatio=&quot;1&quot; width=&quot;1280&quot;/&gt;&#10;        &lt;audio channels=&quot;2&quot; format=&quot;fltp&quot; sampleRate=&quot;44100&quot;/&gt;&#10;      &lt;/videoTrack&gt;&#10;      &lt;videoTrack muted=&quot;false&quot; name=&quot;Chúng ta phải làm gì khi bị lạc- - Rudolf bị lạc - Bài học an toàn - Hoạt hình thiếu nhi - BabyBus 00_02_08-00_04_28&quot; resource=&quot;9e10b407&quot; slideId=&quot;{DAAAFCE2-AA08-4D3A-8569-42087815CE85}&quot; startTime=&quot;0&quot; stepIndex=&quot;0&quot; volume=&quot;1&quot;&gt;&#10;        &lt;video format=&quot;yuv420p&quot; frameRate=&quot;25&quot; height=&quot;720&quot; pixelAspectRatio=&quot;1&quot; width=&quot;1280&quot;/&gt;&#10;        &lt;audio channels=&quot;2&quot; format=&quot;fltp&quot; sampleRate=&quot;44100&quot;/&gt;&#10;      &lt;/videoTrack&gt;&#10;    &lt;/videoTracks&gt;&#10;  &lt;/narration&gt;&#10;&#10;&lt;/presentation2&gt;&#10;"/>
  <p:tag name="ISPRING_UUID" val="{A9742238-E20F-4DA3-B734-8F563F89DCD4}"/>
  <p:tag name="ISPRING_SCREEN_RECS_UPDATED" val="C:\Users\Administrator\Desktop\BAIDUTHI-KIMTHIHIEN\TEPNGUON\Giá án Kỹ năng sống"/>
  <p:tag name="ISPRING_RESOURCE_FOLDER" val="C:\Users\Administrator\Desktop\BAIDUTHI-KIMTHIHIEN\TEPNGUON\Giá án Kỹ năng sống"/>
  <p:tag name="ISPRING_PRESENTATION_PATH" val="C:\Users\Administrator\Desktop\BAIDUTHI-KIMTHIHIEN\TEPNGUON\Giá án Kỹ năng sống.pptx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20.324"/>
  <p:tag name="ISPRING_SLIDE_ID_2" val="{F4874CA3-D496-41BC-9948-31E1DD7B540F}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GENSWF_ADVANCE_TIME" val="28.892"/>
  <p:tag name="ISPRING_SLIDE_ID_2" val="{2D6A0FF0-975D-4080-9C0D-FF83A93237CE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18.835"/>
  <p:tag name="ISPRING_SLIDE_ID_2" val="{A46D27B3-CD8D-4761-9BBE-44D2FDA57025}"/>
  <p:tag name="ISPRING_PLAYER_PLAYLIST_ID" val="7c68aa4dc468a9f3f4c267faa77987ade9a68272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40.04"/>
  <p:tag name="ISPRING_CUSTOM_TIMING_USED" val="1"/>
  <p:tag name="ISPRING_SLIDE_INDENT_LEVEL" val="0"/>
  <p:tag name="ISPRING_PLAYER_LAYOUT_TYPE" val="Video"/>
  <p:tag name="ISPRING_SLIDE_ID_2" val="{DAAAFCE2-AA08-4D3A-8569-42087815CE85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052"/>
  <p:tag name="ISPRING_SLIDE_ID_2" val="{28AC60FE-833C-4595-B9A4-F7EAD92E5700}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235"/>
  <p:tag name="ISPRING_SLIDE_ID_2" val="{AD81D4CF-7AD2-4EC4-9F91-02A47198AB5B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LabeledGraphic"/>
  <p:tag name="ISPRING_CUSTOM_TIMING_USED" val="1"/>
  <p:tag name="GENSWF_ADVANCE_TIME" val="20.899"/>
  <p:tag name="ISPRING_SLIDE_ID_2" val="{AC9BE7C5-A9CD-4B47-BE7A-3C637A9FECDE}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10.084"/>
  <p:tag name="ISPRING_SLIDE_ID_2" val="{44A2CA90-995A-4ECA-BB2F-7A176C9F75AB}"/>
  <p:tag name="ISPRING_SLIDE_INDENT_LEVEL" val="0"/>
  <p:tag name="ISPRING_PLAYER_PLAYLIST_ID" val="7c68aa4dc468a9f3f4c267faa77987ade9a68272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757"/>
  <p:tag name="ISPRING_SLIDE_ID_2" val="{328806AD-460A-40CF-BAAE-2643535D8D33}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4.865"/>
  <p:tag name="ISPRING_SLIDE_ID_2" val="{91948CDA-F2DE-4592-84F5-FA1C3DEAF9BE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HTML_SHAPEINFO" val="&lt;SlideThumbPath val=&quot;Slide2.PNG&quot;/&gt;"/>
  <p:tag name="ISPRING_SLIDE_INDENT_LEVEL" val="0"/>
  <p:tag name="ISPRING_PRESENTER_ID" val="{B6AA2AC4-06F7-4704-BA81-69620E79F642}"/>
  <p:tag name="ISPRING_PLAYER_PLAYLIST_ID" val="cfd292664a428f98502129688bae31b6b80652af"/>
  <p:tag name="ISPRING_CUSTOM_TIMING_USED" val="1"/>
  <p:tag name="GENSWF_SLIDE_TITLE" val="Mở đầu"/>
  <p:tag name="GENSWF_ADVANCE_TIME" val="41.405"/>
  <p:tag name="ISPRING_SLIDE_ID_2" val="{09067755-6042-4128-A637-6D6937CE3CAD}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0.816"/>
  <p:tag name="ISPRING_SLIDE_ID_2" val="{1D34E7A5-25C5-4FDA-B0D1-0B0E365CD1FC}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26.62"/>
  <p:tag name="ISPRING_SLIDE_ID_2" val="{89F2AE29-FD84-44B1-9850-7C9C7459B1BE}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0.868"/>
  <p:tag name="ISPRING_SLIDE_ID_2" val="{BA967275-55B2-4EC4-949E-883AB24D7009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2&quot;/&gt;&lt;lineCharCount val=&quot;50&quot;/&gt;&lt;lineCharCount val=&quot;23&quot;/&gt;&lt;/TableIndex&gt;&lt;/ShapeTextInfo&gt;"/>
  <p:tag name="PRESENTER_SHAPEINFO" val="&lt;ThreeDShapeInfo&gt;&lt;uuid val=&quot;{347A5E9E-95C0-4608-8A6E-3BCC30184863}&quot;/&gt;&lt;isInvalidForFieldText val=&quot;0&quot;/&gt;&lt;Image&gt;&lt;filename val=&quot;C:\Users\ADMINI~1\AppData\Local\Temp\~CaB3F0\data\asimages\{347A5E9E-95C0-4608-8A6E-3BCC30184863}_2.png&quot;/&gt;&lt;left val=&quot;127&quot;/&gt;&lt;top val=&quot;151&quot;/&gt;&lt;width val=&quot;748&quot;/&gt;&lt;height val=&quot;109&quot;/&gt;&lt;hasText val=&quot;1&quot;/&gt;&lt;/Image&gt;&lt;/ThreeDShapeInfo&gt;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LAYER_LAYOUT_TYPE" val="Video"/>
  <p:tag name="ISPRING_SLIDE_ID_2" val="{C6EBABD4-D670-4D70-B4F6-EEFBE360176A}"/>
  <p:tag name="GENSWF_ADVANCE_TIME" val="87.63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25.183"/>
  <p:tag name="ISPRING_SLIDE_ID_2" val="{C972CB53-75A2-40D0-85B6-129FD5CE6C86}"/>
  <p:tag name="ISPRING_PLAYER_PLAYLIST_ID" val="d7b581e7f9072f3d651042a07b63b548f332027d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TIMING" val="|0.001|1|2|1"/>
  <p:tag name="ISPRING_SLIDE_INDENT_LEVEL" val="0"/>
  <p:tag name="GENSWF_ADVANCE_TIME" val="24.713"/>
  <p:tag name="ISPRING_SLIDE_ID_2" val="{3E43EA42-1E6E-4961-A207-EBC4FC7AF6D6}"/>
  <p:tag name="ISPRING_PLAYER_PLAYLIST_ID" val="7c68aa4dc468a9f3f4c267faa77987ade9a6827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89.04"/>
  <p:tag name="ISPRING_CUSTOM_TIMING_USED" val="1"/>
  <p:tag name="ISPRING_SLIDE_INDENT_LEVEL" val="0"/>
  <p:tag name="ISPRING_PLAYER_LAYOUT_TYPE" val="Video"/>
  <p:tag name="ISPRING_SLIDE_ID_2" val="{E18B40C3-7C42-4B72-9B74-BEFBE0441601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ISPRING_SLIDE_ID_2" val="{79F8911D-5000-4627-B1AA-6F1EC1E06148}"/>
  <p:tag name="GENSWF_ADVANCE_TIME" val="20.638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GENSWF_ADVANCE_TIME" val="21.448"/>
  <p:tag name="ISPRING_SLIDE_ID_2" val="{6B9F68B5-8F16-4D28-87F5-F0B6659EA219}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964</TotalTime>
  <Words>109</Words>
  <Application>Microsoft Office PowerPoint</Application>
  <PresentationFormat>Widescreen</PresentationFormat>
  <Paragraphs>34</Paragraphs>
  <Slides>20</Slides>
  <Notes>20</Notes>
  <HiddenSlides>0</HiddenSlides>
  <MMClips>1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0</vt:i4>
      </vt:variant>
    </vt:vector>
  </HeadingPairs>
  <TitlesOfParts>
    <vt:vector size="25" baseType="lpstr">
      <vt:lpstr>Arial</vt:lpstr>
      <vt:lpstr>Calibri</vt:lpstr>
      <vt:lpstr>Calibri Light</vt:lpstr>
      <vt:lpstr>Times New Roman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Giá án Kỹ năng sống</dc:title>
  <dc:creator>Windows User</dc:creator>
  <cp:lastModifiedBy>A</cp:lastModifiedBy>
  <cp:revision>116</cp:revision>
  <dcterms:created xsi:type="dcterms:W3CDTF">2020-12-02T03:16:32Z</dcterms:created>
  <dcterms:modified xsi:type="dcterms:W3CDTF">2026-04-10T03:44:34Z</dcterms:modified>
</cp:coreProperties>
</file>